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980564\Desktop\08 届出関係\ホームページ\"/>
    </mc:Choice>
  </mc:AlternateContent>
  <bookViews>
    <workbookView xWindow="0" yWindow="0" windowWidth="15345" windowHeight="4485"/>
  </bookViews>
  <sheets>
    <sheet name="貸借対照表" sheetId="2" r:id="rId1"/>
  </sheets>
  <definedNames>
    <definedName name="_xlnm.Print_Area" localSheetId="0">貸借対照表!$A$1:$D$2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6" uniqueCount="25">
  <si>
    <t>（開始届第１号様式）</t>
    <rPh sb="1" eb="3">
      <t>カイシ</t>
    </rPh>
    <rPh sb="3" eb="4">
      <t>トドケ</t>
    </rPh>
    <rPh sb="4" eb="5">
      <t>ダイ</t>
    </rPh>
    <rPh sb="6" eb="7">
      <t>ゴウ</t>
    </rPh>
    <rPh sb="7" eb="9">
      <t>ヨウシキ</t>
    </rPh>
    <phoneticPr fontId="1"/>
  </si>
  <si>
    <t>科目</t>
  </si>
  <si>
    <t>金額</t>
  </si>
  <si>
    <t>Ⅰ　資産の部</t>
  </si>
  <si>
    <t>Ⅱ　負債の部</t>
  </si>
  <si>
    <t>　１　流動資産</t>
  </si>
  <si>
    <t>　１　流動負債</t>
  </si>
  <si>
    <t>　　　・・・・・</t>
  </si>
  <si>
    <t>　　流動負債合計</t>
  </si>
  <si>
    <t>　　流動資産合計</t>
  </si>
  <si>
    <t>　２　固定負債</t>
  </si>
  <si>
    <t>　２　固定資産</t>
  </si>
  <si>
    <t>　　固定負債合計</t>
  </si>
  <si>
    <t>　負債合計</t>
  </si>
  <si>
    <t>　　固定資産合計</t>
  </si>
  <si>
    <t>Ⅲ　正味財産の部</t>
  </si>
  <si>
    <r>
      <t>　　</t>
    </r>
    <r>
      <rPr>
        <sz val="10.5"/>
        <rFont val="Century"/>
        <family val="1"/>
      </rPr>
      <t xml:space="preserve"> </t>
    </r>
    <r>
      <rPr>
        <sz val="10.5"/>
        <rFont val="ＭＳ 明朝"/>
        <family val="1"/>
        <charset val="128"/>
      </rPr>
      <t>前期繰越正味財産</t>
    </r>
  </si>
  <si>
    <r>
      <t>　　</t>
    </r>
    <r>
      <rPr>
        <sz val="10.5"/>
        <rFont val="Century"/>
        <family val="1"/>
      </rPr>
      <t xml:space="preserve"> </t>
    </r>
    <r>
      <rPr>
        <sz val="10.5"/>
        <rFont val="ＭＳ 明朝"/>
        <family val="1"/>
        <charset val="128"/>
      </rPr>
      <t>当期正味財産</t>
    </r>
  </si>
  <si>
    <r>
      <t>　　　</t>
    </r>
    <r>
      <rPr>
        <sz val="10.5"/>
        <rFont val="Century"/>
        <family val="1"/>
      </rPr>
      <t xml:space="preserve"> </t>
    </r>
    <r>
      <rPr>
        <sz val="10.5"/>
        <rFont val="ＭＳ 明朝"/>
        <family val="1"/>
        <charset val="128"/>
      </rPr>
      <t>増加額（減少額）</t>
    </r>
  </si>
  <si>
    <r>
      <t>　　</t>
    </r>
    <r>
      <rPr>
        <b/>
        <sz val="10.5"/>
        <rFont val="Century"/>
        <family val="1"/>
      </rPr>
      <t xml:space="preserve"> </t>
    </r>
    <r>
      <rPr>
        <b/>
        <sz val="10.5"/>
        <rFont val="ＭＳ 明朝"/>
        <family val="1"/>
        <charset val="128"/>
      </rPr>
      <t>正味財産合計</t>
    </r>
  </si>
  <si>
    <t>資産合計</t>
    <phoneticPr fontId="6"/>
  </si>
  <si>
    <t>負債及び正味財産合計</t>
    <phoneticPr fontId="6"/>
  </si>
  <si>
    <t>（　　　　　　　年　　月　　日現在）</t>
    <rPh sb="8" eb="9">
      <t>ネン</t>
    </rPh>
    <rPh sb="11" eb="12">
      <t>ガツ</t>
    </rPh>
    <rPh sb="14" eb="15">
      <t>ニチ</t>
    </rPh>
    <rPh sb="15" eb="17">
      <t>ゲンザイ</t>
    </rPh>
    <phoneticPr fontId="1"/>
  </si>
  <si>
    <t>貸　借　対　照　表</t>
    <rPh sb="0" eb="1">
      <t>カシ</t>
    </rPh>
    <rPh sb="2" eb="3">
      <t>シャク</t>
    </rPh>
    <rPh sb="4" eb="5">
      <t>タイ</t>
    </rPh>
    <rPh sb="6" eb="7">
      <t>ショウ</t>
    </rPh>
    <rPh sb="8" eb="9">
      <t>オモテ</t>
    </rPh>
    <phoneticPr fontId="1"/>
  </si>
  <si>
    <t>無料低額宿泊所名：　　　　　　　　　　　　　　　　　　　　　　</t>
    <rPh sb="0" eb="2">
      <t>ムリョウ</t>
    </rPh>
    <rPh sb="2" eb="4">
      <t>テイガク</t>
    </rPh>
    <rPh sb="4" eb="6">
      <t>シュクハク</t>
    </rPh>
    <rPh sb="6" eb="7">
      <t>ジョ</t>
    </rPh>
    <rPh sb="7" eb="8">
      <t>メ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3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u/>
      <sz val="11"/>
      <color theme="1"/>
      <name val="ＭＳ Ｐゴシック"/>
      <family val="3"/>
      <charset val="128"/>
    </font>
    <font>
      <b/>
      <sz val="14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0.5"/>
      <name val="ＭＳ 明朝"/>
      <family val="1"/>
      <charset val="128"/>
    </font>
    <font>
      <sz val="10.5"/>
      <name val="ＭＳ 明朝"/>
      <family val="1"/>
      <charset val="128"/>
    </font>
    <font>
      <sz val="10.5"/>
      <name val="Century"/>
      <family val="1"/>
    </font>
    <font>
      <sz val="10"/>
      <name val="Century"/>
      <family val="1"/>
    </font>
    <font>
      <b/>
      <sz val="10.5"/>
      <name val="Century"/>
      <family val="1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7" fillId="0" borderId="0">
      <alignment vertical="center"/>
    </xf>
  </cellStyleXfs>
  <cellXfs count="25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7" fillId="0" borderId="0" xfId="1" applyAlignment="1">
      <alignment vertical="center"/>
    </xf>
    <xf numFmtId="0" fontId="10" fillId="0" borderId="0" xfId="1" applyFont="1" applyAlignment="1">
      <alignment horizontal="justify" vertical="center"/>
    </xf>
    <xf numFmtId="0" fontId="9" fillId="0" borderId="0" xfId="1" applyFont="1" applyAlignment="1">
      <alignment horizontal="right" vertical="center"/>
    </xf>
    <xf numFmtId="0" fontId="10" fillId="0" borderId="0" xfId="1" applyFont="1" applyAlignment="1">
      <alignment horizontal="justify" vertical="center" wrapText="1"/>
    </xf>
    <xf numFmtId="0" fontId="11" fillId="0" borderId="0" xfId="1" applyFont="1" applyAlignment="1">
      <alignment vertical="center" wrapText="1"/>
    </xf>
    <xf numFmtId="0" fontId="8" fillId="0" borderId="5" xfId="1" applyFont="1" applyBorder="1" applyAlignment="1">
      <alignment horizontal="left" vertical="center" wrapText="1"/>
    </xf>
    <xf numFmtId="0" fontId="9" fillId="0" borderId="5" xfId="1" applyFont="1" applyBorder="1" applyAlignment="1">
      <alignment horizontal="left" vertical="center" wrapText="1"/>
    </xf>
    <xf numFmtId="0" fontId="10" fillId="0" borderId="3" xfId="1" applyFont="1" applyBorder="1" applyAlignment="1">
      <alignment horizontal="left" vertical="center" wrapText="1"/>
    </xf>
    <xf numFmtId="0" fontId="9" fillId="0" borderId="6" xfId="1" applyFont="1" applyBorder="1" applyAlignment="1">
      <alignment horizontal="left" vertical="center" wrapText="1"/>
    </xf>
    <xf numFmtId="0" fontId="10" fillId="0" borderId="2" xfId="1" applyFont="1" applyBorder="1" applyAlignment="1">
      <alignment horizontal="left" vertical="center" wrapText="1"/>
    </xf>
    <xf numFmtId="0" fontId="10" fillId="0" borderId="5" xfId="1" applyFont="1" applyBorder="1" applyAlignment="1">
      <alignment horizontal="left" vertical="center" wrapText="1"/>
    </xf>
    <xf numFmtId="0" fontId="8" fillId="0" borderId="6" xfId="1" applyFont="1" applyBorder="1" applyAlignment="1">
      <alignment horizontal="center" vertical="center" wrapText="1"/>
    </xf>
    <xf numFmtId="0" fontId="8" fillId="0" borderId="6" xfId="1" applyFont="1" applyBorder="1" applyAlignment="1">
      <alignment horizontal="left" vertical="center" wrapText="1"/>
    </xf>
    <xf numFmtId="0" fontId="9" fillId="0" borderId="4" xfId="1" applyFont="1" applyBorder="1" applyAlignment="1">
      <alignment horizontal="center" vertical="center" wrapText="1"/>
    </xf>
    <xf numFmtId="0" fontId="9" fillId="0" borderId="1" xfId="1" applyFont="1" applyBorder="1" applyAlignment="1">
      <alignment horizontal="center" vertical="center" wrapText="1"/>
    </xf>
    <xf numFmtId="0" fontId="11" fillId="0" borderId="0" xfId="1" applyFont="1" applyBorder="1" applyAlignment="1">
      <alignment vertical="center" wrapText="1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2" fillId="0" borderId="0" xfId="0" applyFont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4"/>
  <sheetViews>
    <sheetView tabSelected="1" view="pageBreakPreview" zoomScale="120" zoomScaleNormal="100" zoomScaleSheetLayoutView="120" workbookViewId="0">
      <selection activeCell="A6" sqref="A6"/>
    </sheetView>
  </sheetViews>
  <sheetFormatPr defaultRowHeight="13.5"/>
  <cols>
    <col min="1" max="1" width="21.5" style="6" customWidth="1"/>
    <col min="2" max="2" width="16.375" style="6" customWidth="1"/>
    <col min="3" max="3" width="23.75" style="6" customWidth="1"/>
    <col min="4" max="4" width="18.125" style="6" customWidth="1"/>
    <col min="5" max="255" width="9" style="6"/>
    <col min="256" max="256" width="2.125" style="6" customWidth="1"/>
    <col min="257" max="257" width="24.875" style="6" customWidth="1"/>
    <col min="258" max="258" width="16.375" style="6" customWidth="1"/>
    <col min="259" max="259" width="23.75" style="6" customWidth="1"/>
    <col min="260" max="260" width="18.125" style="6" customWidth="1"/>
    <col min="261" max="511" width="9" style="6"/>
    <col min="512" max="512" width="2.125" style="6" customWidth="1"/>
    <col min="513" max="513" width="24.875" style="6" customWidth="1"/>
    <col min="514" max="514" width="16.375" style="6" customWidth="1"/>
    <col min="515" max="515" width="23.75" style="6" customWidth="1"/>
    <col min="516" max="516" width="18.125" style="6" customWidth="1"/>
    <col min="517" max="767" width="9" style="6"/>
    <col min="768" max="768" width="2.125" style="6" customWidth="1"/>
    <col min="769" max="769" width="24.875" style="6" customWidth="1"/>
    <col min="770" max="770" width="16.375" style="6" customWidth="1"/>
    <col min="771" max="771" width="23.75" style="6" customWidth="1"/>
    <col min="772" max="772" width="18.125" style="6" customWidth="1"/>
    <col min="773" max="1023" width="9" style="6"/>
    <col min="1024" max="1024" width="2.125" style="6" customWidth="1"/>
    <col min="1025" max="1025" width="24.875" style="6" customWidth="1"/>
    <col min="1026" max="1026" width="16.375" style="6" customWidth="1"/>
    <col min="1027" max="1027" width="23.75" style="6" customWidth="1"/>
    <col min="1028" max="1028" width="18.125" style="6" customWidth="1"/>
    <col min="1029" max="1279" width="9" style="6"/>
    <col min="1280" max="1280" width="2.125" style="6" customWidth="1"/>
    <col min="1281" max="1281" width="24.875" style="6" customWidth="1"/>
    <col min="1282" max="1282" width="16.375" style="6" customWidth="1"/>
    <col min="1283" max="1283" width="23.75" style="6" customWidth="1"/>
    <col min="1284" max="1284" width="18.125" style="6" customWidth="1"/>
    <col min="1285" max="1535" width="9" style="6"/>
    <col min="1536" max="1536" width="2.125" style="6" customWidth="1"/>
    <col min="1537" max="1537" width="24.875" style="6" customWidth="1"/>
    <col min="1538" max="1538" width="16.375" style="6" customWidth="1"/>
    <col min="1539" max="1539" width="23.75" style="6" customWidth="1"/>
    <col min="1540" max="1540" width="18.125" style="6" customWidth="1"/>
    <col min="1541" max="1791" width="9" style="6"/>
    <col min="1792" max="1792" width="2.125" style="6" customWidth="1"/>
    <col min="1793" max="1793" width="24.875" style="6" customWidth="1"/>
    <col min="1794" max="1794" width="16.375" style="6" customWidth="1"/>
    <col min="1795" max="1795" width="23.75" style="6" customWidth="1"/>
    <col min="1796" max="1796" width="18.125" style="6" customWidth="1"/>
    <col min="1797" max="2047" width="9" style="6"/>
    <col min="2048" max="2048" width="2.125" style="6" customWidth="1"/>
    <col min="2049" max="2049" width="24.875" style="6" customWidth="1"/>
    <col min="2050" max="2050" width="16.375" style="6" customWidth="1"/>
    <col min="2051" max="2051" width="23.75" style="6" customWidth="1"/>
    <col min="2052" max="2052" width="18.125" style="6" customWidth="1"/>
    <col min="2053" max="2303" width="9" style="6"/>
    <col min="2304" max="2304" width="2.125" style="6" customWidth="1"/>
    <col min="2305" max="2305" width="24.875" style="6" customWidth="1"/>
    <col min="2306" max="2306" width="16.375" style="6" customWidth="1"/>
    <col min="2307" max="2307" width="23.75" style="6" customWidth="1"/>
    <col min="2308" max="2308" width="18.125" style="6" customWidth="1"/>
    <col min="2309" max="2559" width="9" style="6"/>
    <col min="2560" max="2560" width="2.125" style="6" customWidth="1"/>
    <col min="2561" max="2561" width="24.875" style="6" customWidth="1"/>
    <col min="2562" max="2562" width="16.375" style="6" customWidth="1"/>
    <col min="2563" max="2563" width="23.75" style="6" customWidth="1"/>
    <col min="2564" max="2564" width="18.125" style="6" customWidth="1"/>
    <col min="2565" max="2815" width="9" style="6"/>
    <col min="2816" max="2816" width="2.125" style="6" customWidth="1"/>
    <col min="2817" max="2817" width="24.875" style="6" customWidth="1"/>
    <col min="2818" max="2818" width="16.375" style="6" customWidth="1"/>
    <col min="2819" max="2819" width="23.75" style="6" customWidth="1"/>
    <col min="2820" max="2820" width="18.125" style="6" customWidth="1"/>
    <col min="2821" max="3071" width="9" style="6"/>
    <col min="3072" max="3072" width="2.125" style="6" customWidth="1"/>
    <col min="3073" max="3073" width="24.875" style="6" customWidth="1"/>
    <col min="3074" max="3074" width="16.375" style="6" customWidth="1"/>
    <col min="3075" max="3075" width="23.75" style="6" customWidth="1"/>
    <col min="3076" max="3076" width="18.125" style="6" customWidth="1"/>
    <col min="3077" max="3327" width="9" style="6"/>
    <col min="3328" max="3328" width="2.125" style="6" customWidth="1"/>
    <col min="3329" max="3329" width="24.875" style="6" customWidth="1"/>
    <col min="3330" max="3330" width="16.375" style="6" customWidth="1"/>
    <col min="3331" max="3331" width="23.75" style="6" customWidth="1"/>
    <col min="3332" max="3332" width="18.125" style="6" customWidth="1"/>
    <col min="3333" max="3583" width="9" style="6"/>
    <col min="3584" max="3584" width="2.125" style="6" customWidth="1"/>
    <col min="3585" max="3585" width="24.875" style="6" customWidth="1"/>
    <col min="3586" max="3586" width="16.375" style="6" customWidth="1"/>
    <col min="3587" max="3587" width="23.75" style="6" customWidth="1"/>
    <col min="3588" max="3588" width="18.125" style="6" customWidth="1"/>
    <col min="3589" max="3839" width="9" style="6"/>
    <col min="3840" max="3840" width="2.125" style="6" customWidth="1"/>
    <col min="3841" max="3841" width="24.875" style="6" customWidth="1"/>
    <col min="3842" max="3842" width="16.375" style="6" customWidth="1"/>
    <col min="3843" max="3843" width="23.75" style="6" customWidth="1"/>
    <col min="3844" max="3844" width="18.125" style="6" customWidth="1"/>
    <col min="3845" max="4095" width="9" style="6"/>
    <col min="4096" max="4096" width="2.125" style="6" customWidth="1"/>
    <col min="4097" max="4097" width="24.875" style="6" customWidth="1"/>
    <col min="4098" max="4098" width="16.375" style="6" customWidth="1"/>
    <col min="4099" max="4099" width="23.75" style="6" customWidth="1"/>
    <col min="4100" max="4100" width="18.125" style="6" customWidth="1"/>
    <col min="4101" max="4351" width="9" style="6"/>
    <col min="4352" max="4352" width="2.125" style="6" customWidth="1"/>
    <col min="4353" max="4353" width="24.875" style="6" customWidth="1"/>
    <col min="4354" max="4354" width="16.375" style="6" customWidth="1"/>
    <col min="4355" max="4355" width="23.75" style="6" customWidth="1"/>
    <col min="4356" max="4356" width="18.125" style="6" customWidth="1"/>
    <col min="4357" max="4607" width="9" style="6"/>
    <col min="4608" max="4608" width="2.125" style="6" customWidth="1"/>
    <col min="4609" max="4609" width="24.875" style="6" customWidth="1"/>
    <col min="4610" max="4610" width="16.375" style="6" customWidth="1"/>
    <col min="4611" max="4611" width="23.75" style="6" customWidth="1"/>
    <col min="4612" max="4612" width="18.125" style="6" customWidth="1"/>
    <col min="4613" max="4863" width="9" style="6"/>
    <col min="4864" max="4864" width="2.125" style="6" customWidth="1"/>
    <col min="4865" max="4865" width="24.875" style="6" customWidth="1"/>
    <col min="4866" max="4866" width="16.375" style="6" customWidth="1"/>
    <col min="4867" max="4867" width="23.75" style="6" customWidth="1"/>
    <col min="4868" max="4868" width="18.125" style="6" customWidth="1"/>
    <col min="4869" max="5119" width="9" style="6"/>
    <col min="5120" max="5120" width="2.125" style="6" customWidth="1"/>
    <col min="5121" max="5121" width="24.875" style="6" customWidth="1"/>
    <col min="5122" max="5122" width="16.375" style="6" customWidth="1"/>
    <col min="5123" max="5123" width="23.75" style="6" customWidth="1"/>
    <col min="5124" max="5124" width="18.125" style="6" customWidth="1"/>
    <col min="5125" max="5375" width="9" style="6"/>
    <col min="5376" max="5376" width="2.125" style="6" customWidth="1"/>
    <col min="5377" max="5377" width="24.875" style="6" customWidth="1"/>
    <col min="5378" max="5378" width="16.375" style="6" customWidth="1"/>
    <col min="5379" max="5379" width="23.75" style="6" customWidth="1"/>
    <col min="5380" max="5380" width="18.125" style="6" customWidth="1"/>
    <col min="5381" max="5631" width="9" style="6"/>
    <col min="5632" max="5632" width="2.125" style="6" customWidth="1"/>
    <col min="5633" max="5633" width="24.875" style="6" customWidth="1"/>
    <col min="5634" max="5634" width="16.375" style="6" customWidth="1"/>
    <col min="5635" max="5635" width="23.75" style="6" customWidth="1"/>
    <col min="5636" max="5636" width="18.125" style="6" customWidth="1"/>
    <col min="5637" max="5887" width="9" style="6"/>
    <col min="5888" max="5888" width="2.125" style="6" customWidth="1"/>
    <col min="5889" max="5889" width="24.875" style="6" customWidth="1"/>
    <col min="5890" max="5890" width="16.375" style="6" customWidth="1"/>
    <col min="5891" max="5891" width="23.75" style="6" customWidth="1"/>
    <col min="5892" max="5892" width="18.125" style="6" customWidth="1"/>
    <col min="5893" max="6143" width="9" style="6"/>
    <col min="6144" max="6144" width="2.125" style="6" customWidth="1"/>
    <col min="6145" max="6145" width="24.875" style="6" customWidth="1"/>
    <col min="6146" max="6146" width="16.375" style="6" customWidth="1"/>
    <col min="6147" max="6147" width="23.75" style="6" customWidth="1"/>
    <col min="6148" max="6148" width="18.125" style="6" customWidth="1"/>
    <col min="6149" max="6399" width="9" style="6"/>
    <col min="6400" max="6400" width="2.125" style="6" customWidth="1"/>
    <col min="6401" max="6401" width="24.875" style="6" customWidth="1"/>
    <col min="6402" max="6402" width="16.375" style="6" customWidth="1"/>
    <col min="6403" max="6403" width="23.75" style="6" customWidth="1"/>
    <col min="6404" max="6404" width="18.125" style="6" customWidth="1"/>
    <col min="6405" max="6655" width="9" style="6"/>
    <col min="6656" max="6656" width="2.125" style="6" customWidth="1"/>
    <col min="6657" max="6657" width="24.875" style="6" customWidth="1"/>
    <col min="6658" max="6658" width="16.375" style="6" customWidth="1"/>
    <col min="6659" max="6659" width="23.75" style="6" customWidth="1"/>
    <col min="6660" max="6660" width="18.125" style="6" customWidth="1"/>
    <col min="6661" max="6911" width="9" style="6"/>
    <col min="6912" max="6912" width="2.125" style="6" customWidth="1"/>
    <col min="6913" max="6913" width="24.875" style="6" customWidth="1"/>
    <col min="6914" max="6914" width="16.375" style="6" customWidth="1"/>
    <col min="6915" max="6915" width="23.75" style="6" customWidth="1"/>
    <col min="6916" max="6916" width="18.125" style="6" customWidth="1"/>
    <col min="6917" max="7167" width="9" style="6"/>
    <col min="7168" max="7168" width="2.125" style="6" customWidth="1"/>
    <col min="7169" max="7169" width="24.875" style="6" customWidth="1"/>
    <col min="7170" max="7170" width="16.375" style="6" customWidth="1"/>
    <col min="7171" max="7171" width="23.75" style="6" customWidth="1"/>
    <col min="7172" max="7172" width="18.125" style="6" customWidth="1"/>
    <col min="7173" max="7423" width="9" style="6"/>
    <col min="7424" max="7424" width="2.125" style="6" customWidth="1"/>
    <col min="7425" max="7425" width="24.875" style="6" customWidth="1"/>
    <col min="7426" max="7426" width="16.375" style="6" customWidth="1"/>
    <col min="7427" max="7427" width="23.75" style="6" customWidth="1"/>
    <col min="7428" max="7428" width="18.125" style="6" customWidth="1"/>
    <col min="7429" max="7679" width="9" style="6"/>
    <col min="7680" max="7680" width="2.125" style="6" customWidth="1"/>
    <col min="7681" max="7681" width="24.875" style="6" customWidth="1"/>
    <col min="7682" max="7682" width="16.375" style="6" customWidth="1"/>
    <col min="7683" max="7683" width="23.75" style="6" customWidth="1"/>
    <col min="7684" max="7684" width="18.125" style="6" customWidth="1"/>
    <col min="7685" max="7935" width="9" style="6"/>
    <col min="7936" max="7936" width="2.125" style="6" customWidth="1"/>
    <col min="7937" max="7937" width="24.875" style="6" customWidth="1"/>
    <col min="7938" max="7938" width="16.375" style="6" customWidth="1"/>
    <col min="7939" max="7939" width="23.75" style="6" customWidth="1"/>
    <col min="7940" max="7940" width="18.125" style="6" customWidth="1"/>
    <col min="7941" max="8191" width="9" style="6"/>
    <col min="8192" max="8192" width="2.125" style="6" customWidth="1"/>
    <col min="8193" max="8193" width="24.875" style="6" customWidth="1"/>
    <col min="8194" max="8194" width="16.375" style="6" customWidth="1"/>
    <col min="8195" max="8195" width="23.75" style="6" customWidth="1"/>
    <col min="8196" max="8196" width="18.125" style="6" customWidth="1"/>
    <col min="8197" max="8447" width="9" style="6"/>
    <col min="8448" max="8448" width="2.125" style="6" customWidth="1"/>
    <col min="8449" max="8449" width="24.875" style="6" customWidth="1"/>
    <col min="8450" max="8450" width="16.375" style="6" customWidth="1"/>
    <col min="8451" max="8451" width="23.75" style="6" customWidth="1"/>
    <col min="8452" max="8452" width="18.125" style="6" customWidth="1"/>
    <col min="8453" max="8703" width="9" style="6"/>
    <col min="8704" max="8704" width="2.125" style="6" customWidth="1"/>
    <col min="8705" max="8705" width="24.875" style="6" customWidth="1"/>
    <col min="8706" max="8706" width="16.375" style="6" customWidth="1"/>
    <col min="8707" max="8707" width="23.75" style="6" customWidth="1"/>
    <col min="8708" max="8708" width="18.125" style="6" customWidth="1"/>
    <col min="8709" max="8959" width="9" style="6"/>
    <col min="8960" max="8960" width="2.125" style="6" customWidth="1"/>
    <col min="8961" max="8961" width="24.875" style="6" customWidth="1"/>
    <col min="8962" max="8962" width="16.375" style="6" customWidth="1"/>
    <col min="8963" max="8963" width="23.75" style="6" customWidth="1"/>
    <col min="8964" max="8964" width="18.125" style="6" customWidth="1"/>
    <col min="8965" max="9215" width="9" style="6"/>
    <col min="9216" max="9216" width="2.125" style="6" customWidth="1"/>
    <col min="9217" max="9217" width="24.875" style="6" customWidth="1"/>
    <col min="9218" max="9218" width="16.375" style="6" customWidth="1"/>
    <col min="9219" max="9219" width="23.75" style="6" customWidth="1"/>
    <col min="9220" max="9220" width="18.125" style="6" customWidth="1"/>
    <col min="9221" max="9471" width="9" style="6"/>
    <col min="9472" max="9472" width="2.125" style="6" customWidth="1"/>
    <col min="9473" max="9473" width="24.875" style="6" customWidth="1"/>
    <col min="9474" max="9474" width="16.375" style="6" customWidth="1"/>
    <col min="9475" max="9475" width="23.75" style="6" customWidth="1"/>
    <col min="9476" max="9476" width="18.125" style="6" customWidth="1"/>
    <col min="9477" max="9727" width="9" style="6"/>
    <col min="9728" max="9728" width="2.125" style="6" customWidth="1"/>
    <col min="9729" max="9729" width="24.875" style="6" customWidth="1"/>
    <col min="9730" max="9730" width="16.375" style="6" customWidth="1"/>
    <col min="9731" max="9731" width="23.75" style="6" customWidth="1"/>
    <col min="9732" max="9732" width="18.125" style="6" customWidth="1"/>
    <col min="9733" max="9983" width="9" style="6"/>
    <col min="9984" max="9984" width="2.125" style="6" customWidth="1"/>
    <col min="9985" max="9985" width="24.875" style="6" customWidth="1"/>
    <col min="9986" max="9986" width="16.375" style="6" customWidth="1"/>
    <col min="9987" max="9987" width="23.75" style="6" customWidth="1"/>
    <col min="9988" max="9988" width="18.125" style="6" customWidth="1"/>
    <col min="9989" max="10239" width="9" style="6"/>
    <col min="10240" max="10240" width="2.125" style="6" customWidth="1"/>
    <col min="10241" max="10241" width="24.875" style="6" customWidth="1"/>
    <col min="10242" max="10242" width="16.375" style="6" customWidth="1"/>
    <col min="10243" max="10243" width="23.75" style="6" customWidth="1"/>
    <col min="10244" max="10244" width="18.125" style="6" customWidth="1"/>
    <col min="10245" max="10495" width="9" style="6"/>
    <col min="10496" max="10496" width="2.125" style="6" customWidth="1"/>
    <col min="10497" max="10497" width="24.875" style="6" customWidth="1"/>
    <col min="10498" max="10498" width="16.375" style="6" customWidth="1"/>
    <col min="10499" max="10499" width="23.75" style="6" customWidth="1"/>
    <col min="10500" max="10500" width="18.125" style="6" customWidth="1"/>
    <col min="10501" max="10751" width="9" style="6"/>
    <col min="10752" max="10752" width="2.125" style="6" customWidth="1"/>
    <col min="10753" max="10753" width="24.875" style="6" customWidth="1"/>
    <col min="10754" max="10754" width="16.375" style="6" customWidth="1"/>
    <col min="10755" max="10755" width="23.75" style="6" customWidth="1"/>
    <col min="10756" max="10756" width="18.125" style="6" customWidth="1"/>
    <col min="10757" max="11007" width="9" style="6"/>
    <col min="11008" max="11008" width="2.125" style="6" customWidth="1"/>
    <col min="11009" max="11009" width="24.875" style="6" customWidth="1"/>
    <col min="11010" max="11010" width="16.375" style="6" customWidth="1"/>
    <col min="11011" max="11011" width="23.75" style="6" customWidth="1"/>
    <col min="11012" max="11012" width="18.125" style="6" customWidth="1"/>
    <col min="11013" max="11263" width="9" style="6"/>
    <col min="11264" max="11264" width="2.125" style="6" customWidth="1"/>
    <col min="11265" max="11265" width="24.875" style="6" customWidth="1"/>
    <col min="11266" max="11266" width="16.375" style="6" customWidth="1"/>
    <col min="11267" max="11267" width="23.75" style="6" customWidth="1"/>
    <col min="11268" max="11268" width="18.125" style="6" customWidth="1"/>
    <col min="11269" max="11519" width="9" style="6"/>
    <col min="11520" max="11520" width="2.125" style="6" customWidth="1"/>
    <col min="11521" max="11521" width="24.875" style="6" customWidth="1"/>
    <col min="11522" max="11522" width="16.375" style="6" customWidth="1"/>
    <col min="11523" max="11523" width="23.75" style="6" customWidth="1"/>
    <col min="11524" max="11524" width="18.125" style="6" customWidth="1"/>
    <col min="11525" max="11775" width="9" style="6"/>
    <col min="11776" max="11776" width="2.125" style="6" customWidth="1"/>
    <col min="11777" max="11777" width="24.875" style="6" customWidth="1"/>
    <col min="11778" max="11778" width="16.375" style="6" customWidth="1"/>
    <col min="11779" max="11779" width="23.75" style="6" customWidth="1"/>
    <col min="11780" max="11780" width="18.125" style="6" customWidth="1"/>
    <col min="11781" max="12031" width="9" style="6"/>
    <col min="12032" max="12032" width="2.125" style="6" customWidth="1"/>
    <col min="12033" max="12033" width="24.875" style="6" customWidth="1"/>
    <col min="12034" max="12034" width="16.375" style="6" customWidth="1"/>
    <col min="12035" max="12035" width="23.75" style="6" customWidth="1"/>
    <col min="12036" max="12036" width="18.125" style="6" customWidth="1"/>
    <col min="12037" max="12287" width="9" style="6"/>
    <col min="12288" max="12288" width="2.125" style="6" customWidth="1"/>
    <col min="12289" max="12289" width="24.875" style="6" customWidth="1"/>
    <col min="12290" max="12290" width="16.375" style="6" customWidth="1"/>
    <col min="12291" max="12291" width="23.75" style="6" customWidth="1"/>
    <col min="12292" max="12292" width="18.125" style="6" customWidth="1"/>
    <col min="12293" max="12543" width="9" style="6"/>
    <col min="12544" max="12544" width="2.125" style="6" customWidth="1"/>
    <col min="12545" max="12545" width="24.875" style="6" customWidth="1"/>
    <col min="12546" max="12546" width="16.375" style="6" customWidth="1"/>
    <col min="12547" max="12547" width="23.75" style="6" customWidth="1"/>
    <col min="12548" max="12548" width="18.125" style="6" customWidth="1"/>
    <col min="12549" max="12799" width="9" style="6"/>
    <col min="12800" max="12800" width="2.125" style="6" customWidth="1"/>
    <col min="12801" max="12801" width="24.875" style="6" customWidth="1"/>
    <col min="12802" max="12802" width="16.375" style="6" customWidth="1"/>
    <col min="12803" max="12803" width="23.75" style="6" customWidth="1"/>
    <col min="12804" max="12804" width="18.125" style="6" customWidth="1"/>
    <col min="12805" max="13055" width="9" style="6"/>
    <col min="13056" max="13056" width="2.125" style="6" customWidth="1"/>
    <col min="13057" max="13057" width="24.875" style="6" customWidth="1"/>
    <col min="13058" max="13058" width="16.375" style="6" customWidth="1"/>
    <col min="13059" max="13059" width="23.75" style="6" customWidth="1"/>
    <col min="13060" max="13060" width="18.125" style="6" customWidth="1"/>
    <col min="13061" max="13311" width="9" style="6"/>
    <col min="13312" max="13312" width="2.125" style="6" customWidth="1"/>
    <col min="13313" max="13313" width="24.875" style="6" customWidth="1"/>
    <col min="13314" max="13314" width="16.375" style="6" customWidth="1"/>
    <col min="13315" max="13315" width="23.75" style="6" customWidth="1"/>
    <col min="13316" max="13316" width="18.125" style="6" customWidth="1"/>
    <col min="13317" max="13567" width="9" style="6"/>
    <col min="13568" max="13568" width="2.125" style="6" customWidth="1"/>
    <col min="13569" max="13569" width="24.875" style="6" customWidth="1"/>
    <col min="13570" max="13570" width="16.375" style="6" customWidth="1"/>
    <col min="13571" max="13571" width="23.75" style="6" customWidth="1"/>
    <col min="13572" max="13572" width="18.125" style="6" customWidth="1"/>
    <col min="13573" max="13823" width="9" style="6"/>
    <col min="13824" max="13824" width="2.125" style="6" customWidth="1"/>
    <col min="13825" max="13825" width="24.875" style="6" customWidth="1"/>
    <col min="13826" max="13826" width="16.375" style="6" customWidth="1"/>
    <col min="13827" max="13827" width="23.75" style="6" customWidth="1"/>
    <col min="13828" max="13828" width="18.125" style="6" customWidth="1"/>
    <col min="13829" max="14079" width="9" style="6"/>
    <col min="14080" max="14080" width="2.125" style="6" customWidth="1"/>
    <col min="14081" max="14081" width="24.875" style="6" customWidth="1"/>
    <col min="14082" max="14082" width="16.375" style="6" customWidth="1"/>
    <col min="14083" max="14083" width="23.75" style="6" customWidth="1"/>
    <col min="14084" max="14084" width="18.125" style="6" customWidth="1"/>
    <col min="14085" max="14335" width="9" style="6"/>
    <col min="14336" max="14336" width="2.125" style="6" customWidth="1"/>
    <col min="14337" max="14337" width="24.875" style="6" customWidth="1"/>
    <col min="14338" max="14338" width="16.375" style="6" customWidth="1"/>
    <col min="14339" max="14339" width="23.75" style="6" customWidth="1"/>
    <col min="14340" max="14340" width="18.125" style="6" customWidth="1"/>
    <col min="14341" max="14591" width="9" style="6"/>
    <col min="14592" max="14592" width="2.125" style="6" customWidth="1"/>
    <col min="14593" max="14593" width="24.875" style="6" customWidth="1"/>
    <col min="14594" max="14594" width="16.375" style="6" customWidth="1"/>
    <col min="14595" max="14595" width="23.75" style="6" customWidth="1"/>
    <col min="14596" max="14596" width="18.125" style="6" customWidth="1"/>
    <col min="14597" max="14847" width="9" style="6"/>
    <col min="14848" max="14848" width="2.125" style="6" customWidth="1"/>
    <col min="14849" max="14849" width="24.875" style="6" customWidth="1"/>
    <col min="14850" max="14850" width="16.375" style="6" customWidth="1"/>
    <col min="14851" max="14851" width="23.75" style="6" customWidth="1"/>
    <col min="14852" max="14852" width="18.125" style="6" customWidth="1"/>
    <col min="14853" max="15103" width="9" style="6"/>
    <col min="15104" max="15104" width="2.125" style="6" customWidth="1"/>
    <col min="15105" max="15105" width="24.875" style="6" customWidth="1"/>
    <col min="15106" max="15106" width="16.375" style="6" customWidth="1"/>
    <col min="15107" max="15107" width="23.75" style="6" customWidth="1"/>
    <col min="15108" max="15108" width="18.125" style="6" customWidth="1"/>
    <col min="15109" max="15359" width="9" style="6"/>
    <col min="15360" max="15360" width="2.125" style="6" customWidth="1"/>
    <col min="15361" max="15361" width="24.875" style="6" customWidth="1"/>
    <col min="15362" max="15362" width="16.375" style="6" customWidth="1"/>
    <col min="15363" max="15363" width="23.75" style="6" customWidth="1"/>
    <col min="15364" max="15364" width="18.125" style="6" customWidth="1"/>
    <col min="15365" max="15615" width="9" style="6"/>
    <col min="15616" max="15616" width="2.125" style="6" customWidth="1"/>
    <col min="15617" max="15617" width="24.875" style="6" customWidth="1"/>
    <col min="15618" max="15618" width="16.375" style="6" customWidth="1"/>
    <col min="15619" max="15619" width="23.75" style="6" customWidth="1"/>
    <col min="15620" max="15620" width="18.125" style="6" customWidth="1"/>
    <col min="15621" max="15871" width="9" style="6"/>
    <col min="15872" max="15872" width="2.125" style="6" customWidth="1"/>
    <col min="15873" max="15873" width="24.875" style="6" customWidth="1"/>
    <col min="15874" max="15874" width="16.375" style="6" customWidth="1"/>
    <col min="15875" max="15875" width="23.75" style="6" customWidth="1"/>
    <col min="15876" max="15876" width="18.125" style="6" customWidth="1"/>
    <col min="15877" max="16127" width="9" style="6"/>
    <col min="16128" max="16128" width="2.125" style="6" customWidth="1"/>
    <col min="16129" max="16129" width="24.875" style="6" customWidth="1"/>
    <col min="16130" max="16130" width="16.375" style="6" customWidth="1"/>
    <col min="16131" max="16131" width="23.75" style="6" customWidth="1"/>
    <col min="16132" max="16132" width="18.125" style="6" customWidth="1"/>
    <col min="16133" max="16384" width="9" style="6"/>
  </cols>
  <sheetData>
    <row r="1" spans="1:6" s="1" customFormat="1">
      <c r="A1" s="2" t="s">
        <v>0</v>
      </c>
    </row>
    <row r="2" spans="1:6" s="1" customFormat="1" ht="24.75" customHeight="1">
      <c r="A2" s="22" t="s">
        <v>23</v>
      </c>
      <c r="B2" s="22"/>
      <c r="C2" s="22"/>
      <c r="D2" s="22"/>
      <c r="E2" s="3"/>
    </row>
    <row r="3" spans="1:6" s="1" customFormat="1" ht="20.25" customHeight="1">
      <c r="A3" s="24" t="s">
        <v>22</v>
      </c>
      <c r="B3" s="24"/>
      <c r="C3" s="24"/>
      <c r="D3" s="24"/>
      <c r="E3" s="4"/>
    </row>
    <row r="4" spans="1:6" s="1" customFormat="1"/>
    <row r="5" spans="1:6" s="1" customFormat="1" ht="27" customHeight="1">
      <c r="A5" s="23" t="s">
        <v>24</v>
      </c>
      <c r="B5" s="23"/>
      <c r="C5" s="23"/>
      <c r="D5" s="23"/>
      <c r="E5" s="5"/>
      <c r="F5" s="4"/>
    </row>
    <row r="6" spans="1:6">
      <c r="A6" s="8"/>
      <c r="D6" s="8"/>
    </row>
    <row r="7" spans="1:6" ht="17.25" customHeight="1">
      <c r="A7" s="19" t="s">
        <v>1</v>
      </c>
      <c r="B7" s="20" t="s">
        <v>2</v>
      </c>
      <c r="C7" s="19" t="s">
        <v>1</v>
      </c>
      <c r="D7" s="20" t="s">
        <v>2</v>
      </c>
      <c r="E7" s="9"/>
    </row>
    <row r="8" spans="1:6" ht="17.25" customHeight="1">
      <c r="A8" s="11" t="s">
        <v>3</v>
      </c>
      <c r="B8" s="13"/>
      <c r="C8" s="11" t="s">
        <v>4</v>
      </c>
      <c r="D8" s="13"/>
      <c r="E8" s="21"/>
    </row>
    <row r="9" spans="1:6" ht="17.25" customHeight="1">
      <c r="A9" s="12" t="s">
        <v>5</v>
      </c>
      <c r="B9" s="13"/>
      <c r="C9" s="12" t="s">
        <v>6</v>
      </c>
      <c r="D9" s="13"/>
      <c r="E9" s="21"/>
    </row>
    <row r="10" spans="1:6" ht="17.25" customHeight="1">
      <c r="A10" s="12" t="s">
        <v>7</v>
      </c>
      <c r="B10" s="13"/>
      <c r="C10" s="12" t="s">
        <v>7</v>
      </c>
      <c r="D10" s="13"/>
      <c r="E10" s="21"/>
    </row>
    <row r="11" spans="1:6" ht="17.25" customHeight="1">
      <c r="A11" s="12" t="s">
        <v>7</v>
      </c>
      <c r="B11" s="13"/>
      <c r="C11" s="12" t="s">
        <v>7</v>
      </c>
      <c r="D11" s="13"/>
      <c r="E11" s="21"/>
    </row>
    <row r="12" spans="1:6" ht="17.25" customHeight="1">
      <c r="A12" s="12" t="s">
        <v>7</v>
      </c>
      <c r="B12" s="13"/>
      <c r="C12" s="14" t="s">
        <v>8</v>
      </c>
      <c r="D12" s="15"/>
      <c r="E12" s="21"/>
    </row>
    <row r="13" spans="1:6" ht="17.25" customHeight="1">
      <c r="A13" s="14" t="s">
        <v>9</v>
      </c>
      <c r="B13" s="15"/>
      <c r="C13" s="12" t="s">
        <v>10</v>
      </c>
      <c r="D13" s="13"/>
      <c r="E13" s="21"/>
    </row>
    <row r="14" spans="1:6" ht="17.25" customHeight="1">
      <c r="A14" s="12" t="s">
        <v>11</v>
      </c>
      <c r="B14" s="13"/>
      <c r="C14" s="12" t="s">
        <v>7</v>
      </c>
      <c r="D14" s="13"/>
      <c r="E14" s="21"/>
    </row>
    <row r="15" spans="1:6" ht="17.25" customHeight="1">
      <c r="A15" s="12" t="s">
        <v>7</v>
      </c>
      <c r="B15" s="13"/>
      <c r="C15" s="12" t="s">
        <v>7</v>
      </c>
      <c r="D15" s="13"/>
      <c r="E15" s="21"/>
    </row>
    <row r="16" spans="1:6" ht="17.25" customHeight="1">
      <c r="A16" s="12" t="s">
        <v>7</v>
      </c>
      <c r="B16" s="13"/>
      <c r="C16" s="12" t="s">
        <v>12</v>
      </c>
      <c r="D16" s="13"/>
      <c r="E16" s="21"/>
    </row>
    <row r="17" spans="1:5" ht="17.25" customHeight="1">
      <c r="A17" s="12" t="s">
        <v>7</v>
      </c>
      <c r="B17" s="13"/>
      <c r="C17" s="18" t="s">
        <v>13</v>
      </c>
      <c r="D17" s="15"/>
      <c r="E17" s="21"/>
    </row>
    <row r="18" spans="1:5" ht="17.25" customHeight="1">
      <c r="A18" s="14" t="s">
        <v>14</v>
      </c>
      <c r="B18" s="15"/>
      <c r="C18" s="11" t="s">
        <v>15</v>
      </c>
      <c r="D18" s="13"/>
      <c r="E18" s="21"/>
    </row>
    <row r="19" spans="1:5" ht="17.25" customHeight="1">
      <c r="A19" s="16"/>
      <c r="B19" s="13"/>
      <c r="C19" s="12" t="s">
        <v>16</v>
      </c>
      <c r="D19" s="13"/>
      <c r="E19" s="21"/>
    </row>
    <row r="20" spans="1:5" ht="17.25" customHeight="1">
      <c r="A20" s="16"/>
      <c r="B20" s="13"/>
      <c r="C20" s="12" t="s">
        <v>17</v>
      </c>
      <c r="D20" s="13"/>
      <c r="E20" s="21"/>
    </row>
    <row r="21" spans="1:5" ht="17.25" customHeight="1">
      <c r="A21" s="16"/>
      <c r="B21" s="13"/>
      <c r="C21" s="12" t="s">
        <v>18</v>
      </c>
      <c r="D21" s="13"/>
      <c r="E21" s="10"/>
    </row>
    <row r="22" spans="1:5" ht="17.25" customHeight="1">
      <c r="A22" s="16"/>
      <c r="B22" s="13"/>
      <c r="C22" s="11" t="s">
        <v>19</v>
      </c>
      <c r="D22" s="13"/>
      <c r="E22" s="10"/>
    </row>
    <row r="23" spans="1:5" ht="17.25" customHeight="1">
      <c r="A23" s="17" t="s">
        <v>20</v>
      </c>
      <c r="B23" s="15"/>
      <c r="C23" s="17" t="s">
        <v>21</v>
      </c>
      <c r="D23" s="15"/>
      <c r="E23" s="10"/>
    </row>
    <row r="24" spans="1:5">
      <c r="A24" s="7"/>
    </row>
  </sheetData>
  <mergeCells count="4">
    <mergeCell ref="E8:E20"/>
    <mergeCell ref="A2:D2"/>
    <mergeCell ref="A5:D5"/>
    <mergeCell ref="A3:D3"/>
  </mergeCells>
  <phoneticPr fontId="1"/>
  <printOptions horizontalCentered="1"/>
  <pageMargins left="0.70866141732283472" right="0.70866141732283472" top="0.74803149606299213" bottom="0.98425196850393704" header="0.51181102362204722" footer="0.51181102362204722"/>
  <pageSetup paperSize="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貸借対照表</vt:lpstr>
      <vt:lpstr>貸借対照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460.山本　雄児</cp:lastModifiedBy>
  <cp:lastPrinted>2020-01-13T04:21:00Z</cp:lastPrinted>
  <dcterms:created xsi:type="dcterms:W3CDTF">2018-01-05T08:28:31Z</dcterms:created>
  <dcterms:modified xsi:type="dcterms:W3CDTF">2020-03-19T05:13:00Z</dcterms:modified>
</cp:coreProperties>
</file>